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34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ofvantwent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Graphics, logo&#10;&#10;Automatisch gegenereerde beschrijving">
            <a:extLst>
              <a:ext uri="{FF2B5EF4-FFF2-40B4-BE49-F238E27FC236}">
                <a16:creationId xmlns:a16="http://schemas.microsoft.com/office/drawing/2014/main" id="{A340C0DA-45E1-1037-E3A8-8E603B32FE1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6380" y="4485771"/>
            <a:ext cx="2082806" cy="222027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logo&#10;&#10;Automatisch gegenereerde beschrijving">
            <a:extLst>
              <a:ext uri="{FF2B5EF4-FFF2-40B4-BE49-F238E27FC236}">
                <a16:creationId xmlns:a16="http://schemas.microsoft.com/office/drawing/2014/main" id="{DE37B51A-098F-1189-A998-5D8FDC4EA78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3969" y="3857464"/>
            <a:ext cx="1411446" cy="150460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11T11:12:49Z</dcterms:modified>
</cp:coreProperties>
</file>